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73" r:id="rId2"/>
    <p:sldId id="256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918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749EDF9-D4A5-47A4-90FD-BDDAC6AA549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341B0EE-4C67-4AC1-A4DC-E0FE0516B7A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9F6534-A4A4-4469-B4D7-B42611C0EA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B25A354-A098-4716-9527-D7393172B8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6050FD-E25A-4E7F-8E0A-0155283E427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71829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2A18E8-DF6D-460F-AA04-E29F3EF7A2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5599CD4-73E1-4C0B-A157-9FC55D40C76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20EC21-0BAF-43C9-A934-1BCF32D686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710ED0C-DA5A-4C68-A45E-938F210DFE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D333C6-B7AD-488F-BDAD-3DEB6479BE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51572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277419F-45DB-4182-9A02-13765727E1E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5EDD5D8-3626-47DB-AB3D-14C8DCEBED2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BCAD41-D8BB-4D51-876C-5F41A0D455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AEE711-B6FD-43D0-B81D-27DAEC8F85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D26738F-F2E0-4A24-9963-D2FAEF9698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6472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7F45E9-C818-41C9-8A83-D09E6F9E9A1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1AAF0D-A6A5-4A62-8E2F-D1D5C4C06DC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7E1FFA6-6829-499C-8FCE-40E53DB402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89D252-836B-4D14-951E-393AFE7E5A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223833-FAE9-4BDF-B069-848157707A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695876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8F22CF-9D9D-4438-A577-2816FC549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078CE3A-FBC4-4753-9277-04CD33BE20E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D286F23-117C-437B-830A-3637DF760A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E592245-A3FF-4B50-848E-6B4E178F0A7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5FB2CB-51C1-44FD-9C70-DF13D48C0A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08886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666C2D-EFDD-4FB2-8FFD-4D68474DFD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F923FD-DBCD-41AB-B62F-69F9C1BCD4E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27668-D35C-40B6-A4FA-02ECC9CD61D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DE0C9B2-200C-4DDA-BF3C-3F5CE2B0A5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5A44030-6158-47E6-A6AD-1296BE9926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86880C0-0C7C-4C89-BA87-9E51B23D5A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57342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A40551-5509-4AF1-A0E1-641A35E692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609FB94-2D24-4A6E-81E8-D39289EBE2C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3AAFB17-E7D0-4A29-AD8C-A72098940EF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AB3E905-A400-4376-AA69-8A5441EE438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8CAAC20-7D90-415E-93F6-A7AB7E2A3A0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B80183F-6B4C-4884-A93C-F31CCCD5C4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A3A05F7-9885-4B73-9E29-F96EA89DDC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16A8F2C-8215-4F96-A583-4358871D0E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73505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9F1F3-5C41-4110-8E6E-B5483C0F97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F4E879E-C5D3-48B9-8181-014D601857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8735108-458F-44E8-A979-3B342019DB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F5E6406-86B2-43E3-B03C-0C41FC5C0B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45977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C917D50-1C3B-4EA5-908F-275A4CB02E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9ED9995-4A31-4702-940D-3B2EDF0DF0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BCEA33D-27FD-4321-A023-350660D55C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32341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78D5C04-02CD-473D-B27A-68BD403766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89BD38-4361-460D-B0D1-922C3223AA6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A7C1128-C686-4F69-98C6-DDC4901CC99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622B1B-2C9F-46DC-8D23-1C1E0D84FF2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599F02F-692A-403D-BD3D-2DE03A0030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F02C6F-EF4A-4884-B8DA-4FEC53FAC6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566660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AE3C13-7C12-4E3E-B4EB-765BDE0A91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00D4885E-1F76-4CEE-ABBC-D1E7B4C6784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22561DA-2811-4345-A480-78E8AB098B7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45BD39-241F-4DEC-92F3-3AAA1339AD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154D35-9517-4C53-AD9B-276CDA105B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9B2D11-D2FE-4263-ADA0-17D546D94C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691291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5FAF119-C086-4951-A40A-05DF1545D6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D31C575-3CEB-4379-BDF8-B50581F7AD7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3B3973-7E1C-4C3F-AB2F-B97ACE4D271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E1B41A-C8D3-455C-98C9-B79AE03BDCB3}" type="datetimeFigureOut">
              <a:rPr lang="en-GB" smtClean="0"/>
              <a:t>25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90641B-520E-4A46-A3EA-4CC37612FF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2A58830-B62E-4FE5-9ECF-1C18FF0516E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203823-2A3A-4F79-B959-A25A644C63D6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95771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6D17895A-56E5-4F6E-9691-5F2C6B316152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0BC73BF5-F614-4AAC-8245-50BD5B8732D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556838F5-D0BB-4C26-A1F7-4B20002BDB8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4920615"/>
            <a:ext cx="7302500" cy="381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CC7A836C-8CE7-4D88-9B20-A4C2D07F8AB5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C075E45-F5C9-45E5-A90F-33835C7F1FB8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530161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B364E65A-D9AC-4CB1-98BD-9AAE4BD11A8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91971" y="58866"/>
            <a:ext cx="409343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98AE581-86A2-47E2-B37A-6B6BAED4C0E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5052695"/>
            <a:ext cx="177800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800" spc="-10">
                <a:solidFill>
                  <a:schemeClr val="lt1"/>
                </a:solidFill>
                <a:latin typeface="Arial" panose="020B0604020202020204" pitchFamily="34" charset="0"/>
              </a:rPr>
              <a:t>Feb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39E6965-6BD3-4672-814A-927F31D8CB4D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348179" y="5052695"/>
            <a:ext cx="177800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800" spc="-6">
                <a:solidFill>
                  <a:schemeClr val="lt1"/>
                </a:solidFill>
                <a:latin typeface="Arial" panose="020B060402020202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4A8CC605-9813-42B0-AD31-2D76244BF89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856838" y="5052695"/>
            <a:ext cx="158761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800" spc="-8">
                <a:solidFill>
                  <a:schemeClr val="lt1"/>
                </a:solidFill>
                <a:latin typeface="Arial" panose="020B0604020202020204" pitchFamily="34" charset="0"/>
              </a:rPr>
              <a:t>Apr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1F24E1D0-BB06-458D-820D-A4F8D418E16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316830" y="5052695"/>
            <a:ext cx="193964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800" spc="-8">
                <a:solidFill>
                  <a:schemeClr val="lt1"/>
                </a:solidFill>
                <a:latin typeface="Arial" panose="020B0604020202020204" pitchFamily="34" charset="0"/>
              </a:rPr>
              <a:t>May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42D8249D-2A53-4F10-B58A-2855BE16619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825489" y="5052695"/>
            <a:ext cx="165100" cy="11684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800" spc="-10">
                <a:solidFill>
                  <a:schemeClr val="lt1"/>
                </a:solidFill>
                <a:latin typeface="Arial" panose="020B0604020202020204" pitchFamily="34" charset="0"/>
              </a:rPr>
              <a:t>Jun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032D464E-AC9E-4071-8286-AAA71403B9C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2284679" y="498411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B9CDB45-A93C-407A-8359-82952CCF85EA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793337" y="498411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3F8CF710-A360-4D9F-9F56-199588458E9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5253329" y="498411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2BA38BE6-8B80-4B41-B732-EBD65106777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761988" y="498411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OTLSHAPE_T_e67a5f0cd57f4dd9840874b282c4957a_Shape">
            <a:extLst>
              <a:ext uri="{FF2B5EF4-FFF2-40B4-BE49-F238E27FC236}">
                <a16:creationId xmlns:a16="http://schemas.microsoft.com/office/drawing/2014/main" id="{E8972622-6EF2-4573-B2AB-B0CC77E945F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457350" y="2260600"/>
            <a:ext cx="13208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7" name="OTLSHAPE_T_dfb8b477a9db4069a4c91085b5f22581_Shape">
            <a:extLst>
              <a:ext uri="{FF2B5EF4-FFF2-40B4-BE49-F238E27FC236}">
                <a16:creationId xmlns:a16="http://schemas.microsoft.com/office/drawing/2014/main" id="{258D26F0-464B-4FCC-815C-4B86DF5FF23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603350" y="2457450"/>
            <a:ext cx="1803400" cy="13335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9bcbe8b062c44dcf81ae5094c6fc57ce_Shape">
            <a:extLst>
              <a:ext uri="{FF2B5EF4-FFF2-40B4-BE49-F238E27FC236}">
                <a16:creationId xmlns:a16="http://schemas.microsoft.com/office/drawing/2014/main" id="{E5E0A5CD-1488-4A0D-85F2-F9EA20268BF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284679" y="2654300"/>
            <a:ext cx="11303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180940fe64df420bb5a76940990d7bca_Shape">
            <a:extLst>
              <a:ext uri="{FF2B5EF4-FFF2-40B4-BE49-F238E27FC236}">
                <a16:creationId xmlns:a16="http://schemas.microsoft.com/office/drawing/2014/main" id="{87573325-63F5-4646-8546-6C95D21C23B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355340" y="2851150"/>
            <a:ext cx="2387600" cy="13335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1" name="OTLSHAPE_T_b9e9dbd40e2c4610af0babd70d834563_Shape">
            <a:extLst>
              <a:ext uri="{FF2B5EF4-FFF2-40B4-BE49-F238E27FC236}">
                <a16:creationId xmlns:a16="http://schemas.microsoft.com/office/drawing/2014/main" id="{AB587876-7F1B-4066-BBA9-A97409A8E30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691327" y="3048000"/>
            <a:ext cx="342900" cy="13335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9" name="OTLSHAPE_T_b9f2c4cd11bc4f549c6249a3e0aaa02e_Shape">
            <a:extLst>
              <a:ext uri="{FF2B5EF4-FFF2-40B4-BE49-F238E27FC236}">
                <a16:creationId xmlns:a16="http://schemas.microsoft.com/office/drawing/2014/main" id="{3596A4FA-9143-4BEB-ACA6-102D628CAB0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058664" y="3244850"/>
            <a:ext cx="1168400" cy="13335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7" name="OTLSHAPE_T_8e896c7557364bfc943cddc26489227f_Shape">
            <a:extLst>
              <a:ext uri="{FF2B5EF4-FFF2-40B4-BE49-F238E27FC236}">
                <a16:creationId xmlns:a16="http://schemas.microsoft.com/office/drawing/2014/main" id="{9D3F4A95-2D95-41D5-B59F-1FF777B329B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642661" y="3441700"/>
            <a:ext cx="1612900" cy="13335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T_a7c5ab5f7a604af28edd99c6b152555e_Shape">
            <a:extLst>
              <a:ext uri="{FF2B5EF4-FFF2-40B4-BE49-F238E27FC236}">
                <a16:creationId xmlns:a16="http://schemas.microsoft.com/office/drawing/2014/main" id="{7BB6B296-CBA9-4528-8B9C-018374C5069F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031992" y="3638550"/>
            <a:ext cx="12192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3" name="OTLSHAPE_T_5322f0554cdf42659dd9c0442576eb05_Shape">
            <a:extLst>
              <a:ext uri="{FF2B5EF4-FFF2-40B4-BE49-F238E27FC236}">
                <a16:creationId xmlns:a16="http://schemas.microsoft.com/office/drawing/2014/main" id="{1952211D-6BFE-4F50-BAC9-76B29C04152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72657" y="3835400"/>
            <a:ext cx="1460500" cy="13335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T_d233973d700f4bb3913e4a9045d42a95_Shape">
            <a:extLst>
              <a:ext uri="{FF2B5EF4-FFF2-40B4-BE49-F238E27FC236}">
                <a16:creationId xmlns:a16="http://schemas.microsoft.com/office/drawing/2014/main" id="{27AEAEEC-4204-46EB-9C5F-F7BAB51BB0CC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761989" y="4032250"/>
            <a:ext cx="8382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T_5f7c8b33897f467c9edd458d9e246de9_Shape">
            <a:extLst>
              <a:ext uri="{FF2B5EF4-FFF2-40B4-BE49-F238E27FC236}">
                <a16:creationId xmlns:a16="http://schemas.microsoft.com/office/drawing/2014/main" id="{B943A11D-B350-4741-AFA8-E4C29CC166BE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615989" y="4229100"/>
            <a:ext cx="838200" cy="1333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0" name="OTLSHAPE_T_e67a5f0cd57f4dd9840874b282c4957a_ShapePercentage">
            <a:extLst>
              <a:ext uri="{FF2B5EF4-FFF2-40B4-BE49-F238E27FC236}">
                <a16:creationId xmlns:a16="http://schemas.microsoft.com/office/drawing/2014/main" id="{7D24CCC1-2DE7-42D5-A3E0-7A2F9152740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457350" y="2260600"/>
            <a:ext cx="13208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T_dfb8b477a9db4069a4c91085b5f22581_ShapePercentage">
            <a:extLst>
              <a:ext uri="{FF2B5EF4-FFF2-40B4-BE49-F238E27FC236}">
                <a16:creationId xmlns:a16="http://schemas.microsoft.com/office/drawing/2014/main" id="{92DAB378-9473-4B4D-A3C7-EA97373D7FC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603350" y="2457450"/>
            <a:ext cx="13716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T_9bcbe8b062c44dcf81ae5094c6fc57ce_ShapePercentage">
            <a:extLst>
              <a:ext uri="{FF2B5EF4-FFF2-40B4-BE49-F238E27FC236}">
                <a16:creationId xmlns:a16="http://schemas.microsoft.com/office/drawing/2014/main" id="{FB561458-67B3-4AAC-9127-8EDE68A41B5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284679" y="2654300"/>
            <a:ext cx="11303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4" name="OTLSHAPE_T_180940fe64df420bb5a76940990d7bca_ShapePercentage">
            <a:extLst>
              <a:ext uri="{FF2B5EF4-FFF2-40B4-BE49-F238E27FC236}">
                <a16:creationId xmlns:a16="http://schemas.microsoft.com/office/drawing/2014/main" id="{DFCCA56A-6F89-43B7-9836-8D740DEEC26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3355340" y="2851150"/>
            <a:ext cx="16764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T_b9e9dbd40e2c4610af0babd70d834563_ShapePercentage">
            <a:extLst>
              <a:ext uri="{FF2B5EF4-FFF2-40B4-BE49-F238E27FC236}">
                <a16:creationId xmlns:a16="http://schemas.microsoft.com/office/drawing/2014/main" id="{6F1478E9-9AD2-4829-996D-6E86C02FEAA7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5691327" y="3048000"/>
            <a:ext cx="1778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0" name="OTLSHAPE_T_b9f2c4cd11bc4f549c6249a3e0aaa02e_ShapePercentage">
            <a:extLst>
              <a:ext uri="{FF2B5EF4-FFF2-40B4-BE49-F238E27FC236}">
                <a16:creationId xmlns:a16="http://schemas.microsoft.com/office/drawing/2014/main" id="{18F08BF1-A7FE-4497-B95B-D4AC141B67C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058664" y="3244850"/>
            <a:ext cx="4699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8" name="OTLSHAPE_T_8e896c7557364bfc943cddc26489227f_ShapePercentage">
            <a:extLst>
              <a:ext uri="{FF2B5EF4-FFF2-40B4-BE49-F238E27FC236}">
                <a16:creationId xmlns:a16="http://schemas.microsoft.com/office/drawing/2014/main" id="{466F8C6D-09CF-458B-A3B3-530BC37AA05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642661" y="3441700"/>
            <a:ext cx="3302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6" name="OTLSHAPE_T_a7c5ab5f7a604af28edd99c6b152555e_ShapePercentage">
            <a:extLst>
              <a:ext uri="{FF2B5EF4-FFF2-40B4-BE49-F238E27FC236}">
                <a16:creationId xmlns:a16="http://schemas.microsoft.com/office/drawing/2014/main" id="{3C259E95-6526-4027-84DA-66FBF36E4AD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031992" y="3638550"/>
            <a:ext cx="9144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4" name="OTLSHAPE_T_5322f0554cdf42659dd9c0442576eb05_ShapePercentage">
            <a:extLst>
              <a:ext uri="{FF2B5EF4-FFF2-40B4-BE49-F238E27FC236}">
                <a16:creationId xmlns:a16="http://schemas.microsoft.com/office/drawing/2014/main" id="{DF15E8E4-92CC-49EC-A188-B390E3F70EBE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372657" y="3835400"/>
            <a:ext cx="2286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2" name="OTLSHAPE_T_d233973d700f4bb3913e4a9045d42a95_ShapePercentage">
            <a:extLst>
              <a:ext uri="{FF2B5EF4-FFF2-40B4-BE49-F238E27FC236}">
                <a16:creationId xmlns:a16="http://schemas.microsoft.com/office/drawing/2014/main" id="{5E9F1798-CF0F-4404-B2F6-B7F6A2E7F208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761989" y="4032250"/>
            <a:ext cx="1270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0" name="OTLSHAPE_T_5f7c8b33897f467c9edd458d9e246de9_ShapePercentage">
            <a:extLst>
              <a:ext uri="{FF2B5EF4-FFF2-40B4-BE49-F238E27FC236}">
                <a16:creationId xmlns:a16="http://schemas.microsoft.com/office/drawing/2014/main" id="{9006F5F9-DBED-42ED-BDD3-F628FE5A71A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6615989" y="4229100"/>
            <a:ext cx="177800" cy="13335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T_e67a5f0cd57f4dd9840874b282c4957a_Duration" hidden="1">
            <a:extLst>
              <a:ext uri="{FF2B5EF4-FFF2-40B4-BE49-F238E27FC236}">
                <a16:creationId xmlns:a16="http://schemas.microsoft.com/office/drawing/2014/main" id="{4BD21FBD-959B-44DD-B53C-1CCE53FF05C6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32" name="OTLSHAPE_T_e67a5f0cd57f4dd9840874b282c4957a_StartDate" hidden="1">
            <a:extLst>
              <a:ext uri="{FF2B5EF4-FFF2-40B4-BE49-F238E27FC236}">
                <a16:creationId xmlns:a16="http://schemas.microsoft.com/office/drawing/2014/main" id="{122FF105-8D10-4C28-B2BA-49185C73311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3" name="OTLSHAPE_T_e67a5f0cd57f4dd9840874b282c4957a_EndDate" hidden="1">
            <a:extLst>
              <a:ext uri="{FF2B5EF4-FFF2-40B4-BE49-F238E27FC236}">
                <a16:creationId xmlns:a16="http://schemas.microsoft.com/office/drawing/2014/main" id="{5A83CD99-C146-4B24-9E37-C9597ABAB58E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34" name="OTLSHAPE_T_e67a5f0cd57f4dd9840874b282c4957a_JoinedDate">
            <a:extLst>
              <a:ext uri="{FF2B5EF4-FFF2-40B4-BE49-F238E27FC236}">
                <a16:creationId xmlns:a16="http://schemas.microsoft.com/office/drawing/2014/main" id="{FCD1FAAB-8AF9-49EB-8E6D-25D1ADCD9001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64514" y="2283460"/>
            <a:ext cx="546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Feb 12 - Mar 10</a:t>
            </a:r>
          </a:p>
        </p:txBody>
      </p:sp>
      <p:sp>
        <p:nvSpPr>
          <p:cNvPr id="35" name="OTLSHAPE_T_e67a5f0cd57f4dd9840874b282c4957a_Title">
            <a:extLst>
              <a:ext uri="{FF2B5EF4-FFF2-40B4-BE49-F238E27FC236}">
                <a16:creationId xmlns:a16="http://schemas.microsoft.com/office/drawing/2014/main" id="{4F0628D3-A5F0-4B08-8ED3-BA766B5BDAA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2822110" y="2276158"/>
            <a:ext cx="2794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Scope</a:t>
            </a:r>
          </a:p>
        </p:txBody>
      </p:sp>
      <p:sp>
        <p:nvSpPr>
          <p:cNvPr id="36" name="OTLSHAPE_T_e67a5f0cd57f4dd9840874b282c4957a_TextPercentage">
            <a:extLst>
              <a:ext uri="{FF2B5EF4-FFF2-40B4-BE49-F238E27FC236}">
                <a16:creationId xmlns:a16="http://schemas.microsoft.com/office/drawing/2014/main" id="{659C64B4-980C-49C3-B56F-3CE1886C03FA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576449" y="2283460"/>
            <a:ext cx="2032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39" name="OTLSHAPE_T_dfb8b477a9db4069a4c91085b5f22581_Duration" hidden="1">
            <a:extLst>
              <a:ext uri="{FF2B5EF4-FFF2-40B4-BE49-F238E27FC236}">
                <a16:creationId xmlns:a16="http://schemas.microsoft.com/office/drawing/2014/main" id="{F796BE2E-9225-40FA-8739-B7AAFD00F25D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7 days</a:t>
            </a:r>
          </a:p>
        </p:txBody>
      </p:sp>
      <p:sp>
        <p:nvSpPr>
          <p:cNvPr id="40" name="OTLSHAPE_T_dfb8b477a9db4069a4c91085b5f22581_StartDate" hidden="1">
            <a:extLst>
              <a:ext uri="{FF2B5EF4-FFF2-40B4-BE49-F238E27FC236}">
                <a16:creationId xmlns:a16="http://schemas.microsoft.com/office/drawing/2014/main" id="{1998870B-7EDB-49B3-A921-BBBEA6E231C5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1" name="OTLSHAPE_T_dfb8b477a9db4069a4c91085b5f22581_EndDate" hidden="1">
            <a:extLst>
              <a:ext uri="{FF2B5EF4-FFF2-40B4-BE49-F238E27FC236}">
                <a16:creationId xmlns:a16="http://schemas.microsoft.com/office/drawing/2014/main" id="{D87E90DD-1D1F-4786-B09A-92FC8F188C6E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2" name="OTLSHAPE_T_dfb8b477a9db4069a4c91085b5f22581_JoinedDate">
            <a:extLst>
              <a:ext uri="{FF2B5EF4-FFF2-40B4-BE49-F238E27FC236}">
                <a16:creationId xmlns:a16="http://schemas.microsoft.com/office/drawing/2014/main" id="{E6E8661D-4216-433F-84B2-2486EA3D0F3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10514" y="2480310"/>
            <a:ext cx="546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Feb 15 - Mar 23</a:t>
            </a:r>
          </a:p>
        </p:txBody>
      </p:sp>
      <p:sp>
        <p:nvSpPr>
          <p:cNvPr id="43" name="OTLSHAPE_T_dfb8b477a9db4069a4c91085b5f22581_Title">
            <a:extLst>
              <a:ext uri="{FF2B5EF4-FFF2-40B4-BE49-F238E27FC236}">
                <a16:creationId xmlns:a16="http://schemas.microsoft.com/office/drawing/2014/main" id="{9F8DFA61-0F52-4FD9-9F02-4B73051BD1E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454773" y="2473008"/>
            <a:ext cx="7874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Project Resources</a:t>
            </a:r>
          </a:p>
        </p:txBody>
      </p:sp>
      <p:sp>
        <p:nvSpPr>
          <p:cNvPr id="44" name="OTLSHAPE_T_dfb8b477a9db4069a4c91085b5f22581_TextPercentage">
            <a:extLst>
              <a:ext uri="{FF2B5EF4-FFF2-40B4-BE49-F238E27FC236}">
                <a16:creationId xmlns:a16="http://schemas.microsoft.com/office/drawing/2014/main" id="{355F0F18-539D-45DA-AE10-9D2967F7D1D5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819339" y="248031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76%</a:t>
            </a:r>
          </a:p>
        </p:txBody>
      </p:sp>
      <p:sp>
        <p:nvSpPr>
          <p:cNvPr id="47" name="OTLSHAPE_T_9bcbe8b062c44dcf81ae5094c6fc57ce_Duration" hidden="1">
            <a:extLst>
              <a:ext uri="{FF2B5EF4-FFF2-40B4-BE49-F238E27FC236}">
                <a16:creationId xmlns:a16="http://schemas.microsoft.com/office/drawing/2014/main" id="{0093DE13-9AE7-4E57-A688-C454F7C9A05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7 days</a:t>
            </a:r>
          </a:p>
        </p:txBody>
      </p:sp>
      <p:sp>
        <p:nvSpPr>
          <p:cNvPr id="48" name="OTLSHAPE_T_9bcbe8b062c44dcf81ae5094c6fc57ce_StartDate" hidden="1">
            <a:extLst>
              <a:ext uri="{FF2B5EF4-FFF2-40B4-BE49-F238E27FC236}">
                <a16:creationId xmlns:a16="http://schemas.microsoft.com/office/drawing/2014/main" id="{CC75DBF2-7B38-4FD3-813D-33EBF3E6067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49" name="OTLSHAPE_T_9bcbe8b062c44dcf81ae5094c6fc57ce_EndDate" hidden="1">
            <a:extLst>
              <a:ext uri="{FF2B5EF4-FFF2-40B4-BE49-F238E27FC236}">
                <a16:creationId xmlns:a16="http://schemas.microsoft.com/office/drawing/2014/main" id="{CFEC4B5A-DA2A-441C-8F5C-783673E85E8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0" name="OTLSHAPE_T_9bcbe8b062c44dcf81ae5094c6fc57ce_JoinedDate">
            <a:extLst>
              <a:ext uri="{FF2B5EF4-FFF2-40B4-BE49-F238E27FC236}">
                <a16:creationId xmlns:a16="http://schemas.microsoft.com/office/drawing/2014/main" id="{49E2CF8D-3142-493C-A750-8BFFCA25B640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734346" y="2677160"/>
            <a:ext cx="508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r 1 - Mar 23</a:t>
            </a:r>
          </a:p>
        </p:txBody>
      </p:sp>
      <p:sp>
        <p:nvSpPr>
          <p:cNvPr id="51" name="OTLSHAPE_T_9bcbe8b062c44dcf81ae5094c6fc57ce_Title">
            <a:extLst>
              <a:ext uri="{FF2B5EF4-FFF2-40B4-BE49-F238E27FC236}">
                <a16:creationId xmlns:a16="http://schemas.microsoft.com/office/drawing/2014/main" id="{746BFC30-6C2C-48DB-93DD-0B452A3F1A1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454773" y="2669858"/>
            <a:ext cx="3683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52" name="OTLSHAPE_T_9bcbe8b062c44dcf81ae5094c6fc57ce_TextPercentage">
            <a:extLst>
              <a:ext uri="{FF2B5EF4-FFF2-40B4-BE49-F238E27FC236}">
                <a16:creationId xmlns:a16="http://schemas.microsoft.com/office/drawing/2014/main" id="{2D47032D-2675-40A6-ADE6-448734DB019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09112" y="2677160"/>
            <a:ext cx="2032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100%</a:t>
            </a:r>
          </a:p>
        </p:txBody>
      </p:sp>
      <p:sp>
        <p:nvSpPr>
          <p:cNvPr id="55" name="OTLSHAPE_T_180940fe64df420bb5a76940990d7bca_Duration" hidden="1">
            <a:extLst>
              <a:ext uri="{FF2B5EF4-FFF2-40B4-BE49-F238E27FC236}">
                <a16:creationId xmlns:a16="http://schemas.microsoft.com/office/drawing/2014/main" id="{70654FFC-2E38-411D-91B2-BCA2204B10B0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35 days</a:t>
            </a:r>
          </a:p>
        </p:txBody>
      </p:sp>
      <p:sp>
        <p:nvSpPr>
          <p:cNvPr id="56" name="OTLSHAPE_T_180940fe64df420bb5a76940990d7bca_StartDate" hidden="1">
            <a:extLst>
              <a:ext uri="{FF2B5EF4-FFF2-40B4-BE49-F238E27FC236}">
                <a16:creationId xmlns:a16="http://schemas.microsoft.com/office/drawing/2014/main" id="{E64F5D42-91BD-4960-A75E-77E6DBFA526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7" name="OTLSHAPE_T_180940fe64df420bb5a76940990d7bca_EndDate" hidden="1">
            <a:extLst>
              <a:ext uri="{FF2B5EF4-FFF2-40B4-BE49-F238E27FC236}">
                <a16:creationId xmlns:a16="http://schemas.microsoft.com/office/drawing/2014/main" id="{669A50D2-1F42-4FA9-8D70-05D935D83CA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8" name="OTLSHAPE_T_180940fe64df420bb5a76940990d7bca_JoinedDate">
            <a:extLst>
              <a:ext uri="{FF2B5EF4-FFF2-40B4-BE49-F238E27FC236}">
                <a16:creationId xmlns:a16="http://schemas.microsoft.com/office/drawing/2014/main" id="{2031F113-59EB-4DFC-A5A8-D9BE81B0A2BB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749889" y="2874010"/>
            <a:ext cx="5588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r 23 - May 10</a:t>
            </a:r>
          </a:p>
        </p:txBody>
      </p:sp>
      <p:sp>
        <p:nvSpPr>
          <p:cNvPr id="59" name="OTLSHAPE_T_180940fe64df420bb5a76940990d7bca_Title">
            <a:extLst>
              <a:ext uri="{FF2B5EF4-FFF2-40B4-BE49-F238E27FC236}">
                <a16:creationId xmlns:a16="http://schemas.microsoft.com/office/drawing/2014/main" id="{1936FEA3-F534-4CB6-90E1-06791450967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790760" y="2866708"/>
            <a:ext cx="3302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Design </a:t>
            </a:r>
          </a:p>
        </p:txBody>
      </p:sp>
      <p:sp>
        <p:nvSpPr>
          <p:cNvPr id="60" name="OTLSHAPE_T_180940fe64df420bb5a76940990d7bca_TextPercentage">
            <a:extLst>
              <a:ext uri="{FF2B5EF4-FFF2-40B4-BE49-F238E27FC236}">
                <a16:creationId xmlns:a16="http://schemas.microsoft.com/office/drawing/2014/main" id="{00D93CD8-914D-48D6-A139-FD1E5026EDB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872089" y="287401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70%</a:t>
            </a:r>
          </a:p>
        </p:txBody>
      </p:sp>
      <p:sp>
        <p:nvSpPr>
          <p:cNvPr id="63" name="OTLSHAPE_T_b9e9dbd40e2c4610af0babd70d834563_Duration" hidden="1">
            <a:extLst>
              <a:ext uri="{FF2B5EF4-FFF2-40B4-BE49-F238E27FC236}">
                <a16:creationId xmlns:a16="http://schemas.microsoft.com/office/drawing/2014/main" id="{5AC8CBA1-3960-4C6A-842E-C072EEAF79C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195049"/>
            <a:ext cx="342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64" name="OTLSHAPE_T_b9e9dbd40e2c4610af0babd70d834563_StartDate" hidden="1">
            <a:extLst>
              <a:ext uri="{FF2B5EF4-FFF2-40B4-BE49-F238E27FC236}">
                <a16:creationId xmlns:a16="http://schemas.microsoft.com/office/drawing/2014/main" id="{AA91C0F8-DDAF-4973-9597-90942A7EB52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5" name="OTLSHAPE_T_b9e9dbd40e2c4610af0babd70d834563_EndDate" hidden="1">
            <a:extLst>
              <a:ext uri="{FF2B5EF4-FFF2-40B4-BE49-F238E27FC236}">
                <a16:creationId xmlns:a16="http://schemas.microsoft.com/office/drawing/2014/main" id="{DA5C55E4-2C74-44B5-999E-1AEE1AF45B2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6" name="OTLSHAPE_T_b9e9dbd40e2c4610af0babd70d834563_JoinedDate">
            <a:extLst>
              <a:ext uri="{FF2B5EF4-FFF2-40B4-BE49-F238E27FC236}">
                <a16:creationId xmlns:a16="http://schemas.microsoft.com/office/drawing/2014/main" id="{F63E2DA6-5259-447C-8878-D5FEA6591CAD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073134" y="3070860"/>
            <a:ext cx="571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10 - May 16</a:t>
            </a:r>
          </a:p>
        </p:txBody>
      </p:sp>
      <p:sp>
        <p:nvSpPr>
          <p:cNvPr id="67" name="OTLSHAPE_T_b9e9dbd40e2c4610af0babd70d834563_Title">
            <a:extLst>
              <a:ext uri="{FF2B5EF4-FFF2-40B4-BE49-F238E27FC236}">
                <a16:creationId xmlns:a16="http://schemas.microsoft.com/office/drawing/2014/main" id="{4EE89A7B-8510-4E4D-A24D-1FC90E02160F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082759" y="3063558"/>
            <a:ext cx="4953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Draft Specs</a:t>
            </a:r>
          </a:p>
        </p:txBody>
      </p:sp>
      <p:sp>
        <p:nvSpPr>
          <p:cNvPr id="68" name="OTLSHAPE_T_b9e9dbd40e2c4610af0babd70d834563_TextPercentage">
            <a:extLst>
              <a:ext uri="{FF2B5EF4-FFF2-40B4-BE49-F238E27FC236}">
                <a16:creationId xmlns:a16="http://schemas.microsoft.com/office/drawing/2014/main" id="{37FF6753-9623-45CE-9F70-349136A02FB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704027" y="307086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37%</a:t>
            </a:r>
          </a:p>
        </p:txBody>
      </p:sp>
      <p:sp>
        <p:nvSpPr>
          <p:cNvPr id="71" name="OTLSHAPE_T_b9f2c4cd11bc4f549c6249a3e0aaa02e_Duration" hidden="1">
            <a:extLst>
              <a:ext uri="{FF2B5EF4-FFF2-40B4-BE49-F238E27FC236}">
                <a16:creationId xmlns:a16="http://schemas.microsoft.com/office/drawing/2014/main" id="{349BE666-EF03-4DD1-93C2-E406F3A268A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8 days</a:t>
            </a:r>
          </a:p>
        </p:txBody>
      </p:sp>
      <p:sp>
        <p:nvSpPr>
          <p:cNvPr id="72" name="OTLSHAPE_T_b9f2c4cd11bc4f549c6249a3e0aaa02e_StartDate" hidden="1">
            <a:extLst>
              <a:ext uri="{FF2B5EF4-FFF2-40B4-BE49-F238E27FC236}">
                <a16:creationId xmlns:a16="http://schemas.microsoft.com/office/drawing/2014/main" id="{5A2F6B0B-F3F4-4E04-9ADB-7F62864EDEF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3" name="OTLSHAPE_T_b9f2c4cd11bc4f549c6249a3e0aaa02e_EndDate" hidden="1">
            <a:extLst>
              <a:ext uri="{FF2B5EF4-FFF2-40B4-BE49-F238E27FC236}">
                <a16:creationId xmlns:a16="http://schemas.microsoft.com/office/drawing/2014/main" id="{28DB1C76-CDAB-4E6D-875A-1CFFAE523BF0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4" name="OTLSHAPE_T_b9f2c4cd11bc4f549c6249a3e0aaa02e_JoinedDate">
            <a:extLst>
              <a:ext uri="{FF2B5EF4-FFF2-40B4-BE49-F238E27FC236}">
                <a16:creationId xmlns:a16="http://schemas.microsoft.com/office/drawing/2014/main" id="{27D4FF4E-9BA6-4CF2-95E3-2B36642D205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465828" y="3267710"/>
            <a:ext cx="546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Apr 27 - May 20</a:t>
            </a:r>
          </a:p>
        </p:txBody>
      </p:sp>
      <p:sp>
        <p:nvSpPr>
          <p:cNvPr id="75" name="OTLSHAPE_T_b9f2c4cd11bc4f549c6249a3e0aaa02e_Title">
            <a:extLst>
              <a:ext uri="{FF2B5EF4-FFF2-40B4-BE49-F238E27FC236}">
                <a16:creationId xmlns:a16="http://schemas.microsoft.com/office/drawing/2014/main" id="{3C9589E8-FEF3-47CF-A232-02C48EA8DEBD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277424" y="3260408"/>
            <a:ext cx="5842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Development </a:t>
            </a:r>
          </a:p>
        </p:txBody>
      </p:sp>
      <p:sp>
        <p:nvSpPr>
          <p:cNvPr id="76" name="OTLSHAPE_T_b9f2c4cd11bc4f549c6249a3e0aaa02e_TextPercentage">
            <a:extLst>
              <a:ext uri="{FF2B5EF4-FFF2-40B4-BE49-F238E27FC236}">
                <a16:creationId xmlns:a16="http://schemas.microsoft.com/office/drawing/2014/main" id="{65553024-A8E9-484C-8198-A1387473AD2A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373363" y="326771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40%</a:t>
            </a:r>
          </a:p>
        </p:txBody>
      </p:sp>
      <p:sp>
        <p:nvSpPr>
          <p:cNvPr id="79" name="OTLSHAPE_T_8e896c7557364bfc943cddc26489227f_Duration" hidden="1">
            <a:extLst>
              <a:ext uri="{FF2B5EF4-FFF2-40B4-BE49-F238E27FC236}">
                <a16:creationId xmlns:a16="http://schemas.microsoft.com/office/drawing/2014/main" id="{EE577CE5-7F5A-4518-BE8D-BFBF29CE4FA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4 days</a:t>
            </a:r>
          </a:p>
        </p:txBody>
      </p:sp>
      <p:sp>
        <p:nvSpPr>
          <p:cNvPr id="80" name="OTLSHAPE_T_8e896c7557364bfc943cddc26489227f_StartDate" hidden="1">
            <a:extLst>
              <a:ext uri="{FF2B5EF4-FFF2-40B4-BE49-F238E27FC236}">
                <a16:creationId xmlns:a16="http://schemas.microsoft.com/office/drawing/2014/main" id="{9B84B563-1231-4B13-B3B0-27D9DC87E23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1" name="OTLSHAPE_T_8e896c7557364bfc943cddc26489227f_EndDate" hidden="1">
            <a:extLst>
              <a:ext uri="{FF2B5EF4-FFF2-40B4-BE49-F238E27FC236}">
                <a16:creationId xmlns:a16="http://schemas.microsoft.com/office/drawing/2014/main" id="{E28AD930-01A0-4ACC-AF6D-036C22093DC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2" name="OTLSHAPE_T_8e896c7557364bfc943cddc26489227f_JoinedDate">
            <a:extLst>
              <a:ext uri="{FF2B5EF4-FFF2-40B4-BE49-F238E27FC236}">
                <a16:creationId xmlns:a16="http://schemas.microsoft.com/office/drawing/2014/main" id="{06376945-83BB-401D-B042-AC9286AE8FB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087925" y="3464560"/>
            <a:ext cx="508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9 - Jun 10</a:t>
            </a:r>
          </a:p>
        </p:txBody>
      </p:sp>
      <p:sp>
        <p:nvSpPr>
          <p:cNvPr id="83" name="OTLSHAPE_T_8e896c7557364bfc943cddc26489227f_Title">
            <a:extLst>
              <a:ext uri="{FF2B5EF4-FFF2-40B4-BE49-F238E27FC236}">
                <a16:creationId xmlns:a16="http://schemas.microsoft.com/office/drawing/2014/main" id="{E52C47F5-FAE2-4FEA-8988-85B54BF97E53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299419" y="3457258"/>
            <a:ext cx="3429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Coding </a:t>
            </a:r>
          </a:p>
        </p:txBody>
      </p:sp>
      <p:sp>
        <p:nvSpPr>
          <p:cNvPr id="84" name="OTLSHAPE_T_8e896c7557364bfc943cddc26489227f_TextPercentage">
            <a:extLst>
              <a:ext uri="{FF2B5EF4-FFF2-40B4-BE49-F238E27FC236}">
                <a16:creationId xmlns:a16="http://schemas.microsoft.com/office/drawing/2014/main" id="{A96EA1AD-94E5-4660-AADB-D51F4E55349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811368" y="346456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20%</a:t>
            </a:r>
          </a:p>
        </p:txBody>
      </p:sp>
      <p:sp>
        <p:nvSpPr>
          <p:cNvPr id="87" name="OTLSHAPE_T_a7c5ab5f7a604af28edd99c6b152555e_Duration" hidden="1">
            <a:extLst>
              <a:ext uri="{FF2B5EF4-FFF2-40B4-BE49-F238E27FC236}">
                <a16:creationId xmlns:a16="http://schemas.microsoft.com/office/drawing/2014/main" id="{844F36F7-B99D-4791-8FD6-4FD3B43956A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9 days</a:t>
            </a:r>
          </a:p>
        </p:txBody>
      </p:sp>
      <p:sp>
        <p:nvSpPr>
          <p:cNvPr id="88" name="OTLSHAPE_T_a7c5ab5f7a604af28edd99c6b152555e_StartDate" hidden="1">
            <a:extLst>
              <a:ext uri="{FF2B5EF4-FFF2-40B4-BE49-F238E27FC236}">
                <a16:creationId xmlns:a16="http://schemas.microsoft.com/office/drawing/2014/main" id="{8331BFC9-13A1-4D68-B033-CD8AD07554A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9" name="OTLSHAPE_T_a7c5ab5f7a604af28edd99c6b152555e_EndDate" hidden="1">
            <a:extLst>
              <a:ext uri="{FF2B5EF4-FFF2-40B4-BE49-F238E27FC236}">
                <a16:creationId xmlns:a16="http://schemas.microsoft.com/office/drawing/2014/main" id="{772863A8-DAA4-4690-A031-9CB72283549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0" name="OTLSHAPE_T_a7c5ab5f7a604af28edd99c6b152555e_JoinedDate">
            <a:extLst>
              <a:ext uri="{FF2B5EF4-FFF2-40B4-BE49-F238E27FC236}">
                <a16:creationId xmlns:a16="http://schemas.microsoft.com/office/drawing/2014/main" id="{A7F9368B-223F-4006-BC7B-E973A560F4B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434881" y="3661410"/>
            <a:ext cx="5588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17 - Jun 10</a:t>
            </a:r>
          </a:p>
        </p:txBody>
      </p:sp>
      <p:sp>
        <p:nvSpPr>
          <p:cNvPr id="91" name="OTLSHAPE_T_a7c5ab5f7a604af28edd99c6b152555e_Title">
            <a:extLst>
              <a:ext uri="{FF2B5EF4-FFF2-40B4-BE49-F238E27FC236}">
                <a16:creationId xmlns:a16="http://schemas.microsoft.com/office/drawing/2014/main" id="{8ADA90C8-16B6-4FBC-AC99-F5F19747EC07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299419" y="3654108"/>
            <a:ext cx="1016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UI</a:t>
            </a:r>
          </a:p>
        </p:txBody>
      </p:sp>
      <p:sp>
        <p:nvSpPr>
          <p:cNvPr id="92" name="OTLSHAPE_T_a7c5ab5f7a604af28edd99c6b152555e_TextPercentage">
            <a:extLst>
              <a:ext uri="{FF2B5EF4-FFF2-40B4-BE49-F238E27FC236}">
                <a16:creationId xmlns:a16="http://schemas.microsoft.com/office/drawing/2014/main" id="{5FE6F0E5-CCF8-4004-BEB4-54F94210683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791978" y="366141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75%</a:t>
            </a:r>
          </a:p>
        </p:txBody>
      </p:sp>
      <p:sp>
        <p:nvSpPr>
          <p:cNvPr id="95" name="OTLSHAPE_T_5322f0554cdf42659dd9c0442576eb05_Duration" hidden="1">
            <a:extLst>
              <a:ext uri="{FF2B5EF4-FFF2-40B4-BE49-F238E27FC236}">
                <a16:creationId xmlns:a16="http://schemas.microsoft.com/office/drawing/2014/main" id="{EADA35A9-8514-42A6-9B3C-2E4D776F7FE2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22 days</a:t>
            </a:r>
          </a:p>
        </p:txBody>
      </p:sp>
      <p:sp>
        <p:nvSpPr>
          <p:cNvPr id="96" name="OTLSHAPE_T_5322f0554cdf42659dd9c0442576eb05_StartDate" hidden="1">
            <a:extLst>
              <a:ext uri="{FF2B5EF4-FFF2-40B4-BE49-F238E27FC236}">
                <a16:creationId xmlns:a16="http://schemas.microsoft.com/office/drawing/2014/main" id="{FB5B2700-7584-4355-8519-A8C4C700291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7" name="OTLSHAPE_T_5322f0554cdf42659dd9c0442576eb05_EndDate" hidden="1">
            <a:extLst>
              <a:ext uri="{FF2B5EF4-FFF2-40B4-BE49-F238E27FC236}">
                <a16:creationId xmlns:a16="http://schemas.microsoft.com/office/drawing/2014/main" id="{1207146C-6804-4F16-B7B4-9D0DB11646A4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8" name="OTLSHAPE_T_5322f0554cdf42659dd9c0442576eb05_JoinedDate">
            <a:extLst>
              <a:ext uri="{FF2B5EF4-FFF2-40B4-BE49-F238E27FC236}">
                <a16:creationId xmlns:a16="http://schemas.microsoft.com/office/drawing/2014/main" id="{9705B1C2-E0DA-4B46-A779-4650794DE1C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775546" y="3858260"/>
            <a:ext cx="5588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24 - Jun 22</a:t>
            </a:r>
          </a:p>
        </p:txBody>
      </p:sp>
      <p:sp>
        <p:nvSpPr>
          <p:cNvPr id="99" name="OTLSHAPE_T_5322f0554cdf42659dd9c0442576eb05_Title">
            <a:extLst>
              <a:ext uri="{FF2B5EF4-FFF2-40B4-BE49-F238E27FC236}">
                <a16:creationId xmlns:a16="http://schemas.microsoft.com/office/drawing/2014/main" id="{7BF18B6E-7D38-453D-808A-7CA0388BDA6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7883416" y="3850958"/>
            <a:ext cx="3175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 spc="-8">
                <a:solidFill>
                  <a:schemeClr val="dk1"/>
                </a:solidFill>
                <a:latin typeface="Arial" panose="020B0604020202020204" pitchFamily="34" charset="0"/>
              </a:rPr>
              <a:t>Testing</a:t>
            </a:r>
          </a:p>
        </p:txBody>
      </p:sp>
      <p:sp>
        <p:nvSpPr>
          <p:cNvPr id="100" name="OTLSHAPE_T_5322f0554cdf42659dd9c0442576eb05_TextPercentage">
            <a:extLst>
              <a:ext uri="{FF2B5EF4-FFF2-40B4-BE49-F238E27FC236}">
                <a16:creationId xmlns:a16="http://schemas.microsoft.com/office/drawing/2014/main" id="{DB859AA0-F1BA-4F92-B4C8-C2497A79407E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439166" y="385826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15%</a:t>
            </a:r>
          </a:p>
        </p:txBody>
      </p:sp>
      <p:sp>
        <p:nvSpPr>
          <p:cNvPr id="103" name="OTLSHAPE_T_d233973d700f4bb3913e4a9045d42a95_Duration" hidden="1">
            <a:extLst>
              <a:ext uri="{FF2B5EF4-FFF2-40B4-BE49-F238E27FC236}">
                <a16:creationId xmlns:a16="http://schemas.microsoft.com/office/drawing/2014/main" id="{A0089854-5DC3-4305-8FBA-EE8C76404501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264299"/>
            <a:ext cx="406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3 days</a:t>
            </a:r>
          </a:p>
        </p:txBody>
      </p:sp>
      <p:sp>
        <p:nvSpPr>
          <p:cNvPr id="104" name="OTLSHAPE_T_d233973d700f4bb3913e4a9045d42a95_StartDate" hidden="1">
            <a:extLst>
              <a:ext uri="{FF2B5EF4-FFF2-40B4-BE49-F238E27FC236}">
                <a16:creationId xmlns:a16="http://schemas.microsoft.com/office/drawing/2014/main" id="{4136839D-A91C-4FDF-AF5D-A3C591BA0356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5" name="OTLSHAPE_T_d233973d700f4bb3913e4a9045d42a95_EndDate" hidden="1">
            <a:extLst>
              <a:ext uri="{FF2B5EF4-FFF2-40B4-BE49-F238E27FC236}">
                <a16:creationId xmlns:a16="http://schemas.microsoft.com/office/drawing/2014/main" id="{5D8358AA-CEDC-45DD-A496-5728B65BA287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6" name="OTLSHAPE_T_d233973d700f4bb3913e4a9045d42a95_JoinedDate">
            <a:extLst>
              <a:ext uri="{FF2B5EF4-FFF2-40B4-BE49-F238E27FC236}">
                <a16:creationId xmlns:a16="http://schemas.microsoft.com/office/drawing/2014/main" id="{8EAA1A2E-75A5-4616-928F-DCF8FD7B09CB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228335" y="4055110"/>
            <a:ext cx="495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1 - Jun 17</a:t>
            </a:r>
          </a:p>
        </p:txBody>
      </p:sp>
      <p:sp>
        <p:nvSpPr>
          <p:cNvPr id="107" name="OTLSHAPE_T_d233973d700f4bb3913e4a9045d42a95_Title">
            <a:extLst>
              <a:ext uri="{FF2B5EF4-FFF2-40B4-BE49-F238E27FC236}">
                <a16:creationId xmlns:a16="http://schemas.microsoft.com/office/drawing/2014/main" id="{C5C8F2C9-0461-4DE6-80DC-918EF1E1F0F0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640083" y="4047808"/>
            <a:ext cx="3556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 spc="-6">
                <a:solidFill>
                  <a:schemeClr val="dk1"/>
                </a:solidFill>
                <a:latin typeface="Arial" panose="020B0604020202020204" pitchFamily="34" charset="0"/>
              </a:rPr>
              <a:t>Training</a:t>
            </a:r>
          </a:p>
        </p:txBody>
      </p:sp>
      <p:sp>
        <p:nvSpPr>
          <p:cNvPr id="108" name="OTLSHAPE_T_d233973d700f4bb3913e4a9045d42a95_TextPercentage">
            <a:extLst>
              <a:ext uri="{FF2B5EF4-FFF2-40B4-BE49-F238E27FC236}">
                <a16:creationId xmlns:a16="http://schemas.microsoft.com/office/drawing/2014/main" id="{A3838001-03F5-4691-BA57-5DA85E1DEA3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774689" y="4055110"/>
            <a:ext cx="114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1" name="OTLSHAPE_T_5f7c8b33897f467c9edd458d9e246de9_Duration" hidden="1">
            <a:extLst>
              <a:ext uri="{FF2B5EF4-FFF2-40B4-BE49-F238E27FC236}">
                <a16:creationId xmlns:a16="http://schemas.microsoft.com/office/drawing/2014/main" id="{6C21C338-02BE-4877-A9B8-5810B1B449E4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264299"/>
            <a:ext cx="3937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accent2"/>
                </a:solidFill>
                <a:latin typeface="Arial" panose="020B0604020202020204" pitchFamily="34" charset="0"/>
              </a:rPr>
              <a:t>11 days</a:t>
            </a:r>
          </a:p>
        </p:txBody>
      </p:sp>
      <p:sp>
        <p:nvSpPr>
          <p:cNvPr id="112" name="OTLSHAPE_T_5f7c8b33897f467c9edd458d9e246de9_StartDate" hidden="1">
            <a:extLst>
              <a:ext uri="{FF2B5EF4-FFF2-40B4-BE49-F238E27FC236}">
                <a16:creationId xmlns:a16="http://schemas.microsoft.com/office/drawing/2014/main" id="{E26483FA-7C10-4AAB-8087-D5F49382404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3" name="OTLSHAPE_T_5f7c8b33897f467c9edd458d9e246de9_EndDate" hidden="1">
            <a:extLst>
              <a:ext uri="{FF2B5EF4-FFF2-40B4-BE49-F238E27FC236}">
                <a16:creationId xmlns:a16="http://schemas.microsoft.com/office/drawing/2014/main" id="{9E50D9B1-A0C9-4E17-9E42-FA0EC526943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1050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6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4" name="OTLSHAPE_T_5f7c8b33897f467c9edd458d9e246de9_JoinedDate">
            <a:extLst>
              <a:ext uri="{FF2B5EF4-FFF2-40B4-BE49-F238E27FC236}">
                <a16:creationId xmlns:a16="http://schemas.microsoft.com/office/drawing/2014/main" id="{ECDF77F6-76FD-43DA-BA87-DF0AB5F4BDEE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6018878" y="4251960"/>
            <a:ext cx="5588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29 - Jun 14</a:t>
            </a:r>
          </a:p>
        </p:txBody>
      </p:sp>
      <p:sp>
        <p:nvSpPr>
          <p:cNvPr id="115" name="OTLSHAPE_T_5f7c8b33897f467c9edd458d9e246de9_Title">
            <a:extLst>
              <a:ext uri="{FF2B5EF4-FFF2-40B4-BE49-F238E27FC236}">
                <a16:creationId xmlns:a16="http://schemas.microsoft.com/office/drawing/2014/main" id="{7F48B017-DEC7-4D4B-AD0F-95737B5DFB5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7494084" y="4244658"/>
            <a:ext cx="6477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16" name="OTLSHAPE_T_5f7c8b33897f467c9edd458d9e246de9_TextPercentage">
            <a:extLst>
              <a:ext uri="{FF2B5EF4-FFF2-40B4-BE49-F238E27FC236}">
                <a16:creationId xmlns:a16="http://schemas.microsoft.com/office/drawing/2014/main" id="{A72AC36D-D62B-4DD8-A933-FFA008C9D543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628689" y="4251960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chemeClr val="lt1"/>
                </a:solidFill>
                <a:latin typeface="Arial" panose="020B0604020202020204" pitchFamily="34" charset="0"/>
              </a:rPr>
              <a:t>10%</a:t>
            </a:r>
          </a:p>
        </p:txBody>
      </p:sp>
      <p:sp>
        <p:nvSpPr>
          <p:cNvPr id="19" name="OTLSHAPE_M_c4e30180633f4c8f8cd0f2a5853f7fe2_Shape">
            <a:extLst>
              <a:ext uri="{FF2B5EF4-FFF2-40B4-BE49-F238E27FC236}">
                <a16:creationId xmlns:a16="http://schemas.microsoft.com/office/drawing/2014/main" id="{85C6E354-569D-4C00-9ED7-F26803BE4BD4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1566257" y="4793615"/>
            <a:ext cx="17780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" name="OTLSHAPE_M_449f33e88f304f02a2085a6148dbd090_Shape">
            <a:extLst>
              <a:ext uri="{FF2B5EF4-FFF2-40B4-BE49-F238E27FC236}">
                <a16:creationId xmlns:a16="http://schemas.microsoft.com/office/drawing/2014/main" id="{5618786E-EA0D-45C1-9C6F-CB6375609853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3318248" y="4793615"/>
            <a:ext cx="17780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ef9e588c6acb4f16818c318d6aaf7bb0_Shape">
            <a:extLst>
              <a:ext uri="{FF2B5EF4-FFF2-40B4-BE49-F238E27FC236}">
                <a16:creationId xmlns:a16="http://schemas.microsoft.com/office/drawing/2014/main" id="{7A5CC152-6BAC-46F7-A6BB-EAE99DADDA76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5654235" y="4793615"/>
            <a:ext cx="17780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8" name="OTLSHAPE_M_259dfdb8f35f47949f05c33dc5e446fb_Shape">
            <a:extLst>
              <a:ext uri="{FF2B5EF4-FFF2-40B4-BE49-F238E27FC236}">
                <a16:creationId xmlns:a16="http://schemas.microsoft.com/office/drawing/2014/main" id="{73130C6A-A8C3-4F9F-A179-BC77B89FE8FB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7357559" y="4793615"/>
            <a:ext cx="177800" cy="1905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" name="OTLSHAPE_M_c4e30180633f4c8f8cd0f2a5853f7fe2_Title">
            <a:extLst>
              <a:ext uri="{FF2B5EF4-FFF2-40B4-BE49-F238E27FC236}">
                <a16:creationId xmlns:a16="http://schemas.microsoft.com/office/drawing/2014/main" id="{55AEC9FF-27EE-4058-8EB0-3275BDBF342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302309" y="4565650"/>
            <a:ext cx="6985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700" b="1">
                <a:solidFill>
                  <a:schemeClr val="dk1"/>
                </a:solidFill>
                <a:latin typeface="Arial" panose="020B0604020202020204" pitchFamily="34" charset="0"/>
              </a:rPr>
              <a:t>Project Sponsor</a:t>
            </a:r>
          </a:p>
        </p:txBody>
      </p:sp>
      <p:sp>
        <p:nvSpPr>
          <p:cNvPr id="18" name="OTLSHAPE_M_c4e30180633f4c8f8cd0f2a5853f7fe2_Date">
            <a:extLst>
              <a:ext uri="{FF2B5EF4-FFF2-40B4-BE49-F238E27FC236}">
                <a16:creationId xmlns:a16="http://schemas.microsoft.com/office/drawing/2014/main" id="{49469AED-9211-46CF-AF3C-A4E4EED24243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527014" y="468058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Feb 15</a:t>
            </a:r>
          </a:p>
        </p:txBody>
      </p:sp>
      <p:sp>
        <p:nvSpPr>
          <p:cNvPr id="20" name="OTLSHAPE_M_449f33e88f304f02a2085a6148dbd090_Title">
            <a:extLst>
              <a:ext uri="{FF2B5EF4-FFF2-40B4-BE49-F238E27FC236}">
                <a16:creationId xmlns:a16="http://schemas.microsoft.com/office/drawing/2014/main" id="{E3F5A064-DD9D-4158-8091-002019A5773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987582" y="4565650"/>
            <a:ext cx="8255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700" b="1" spc="-2">
                <a:solidFill>
                  <a:schemeClr val="dk1"/>
                </a:solidFill>
                <a:latin typeface="Arial" panose="020B0604020202020204" pitchFamily="34" charset="0"/>
              </a:rPr>
              <a:t>Analysis Complete </a:t>
            </a:r>
          </a:p>
        </p:txBody>
      </p:sp>
      <p:sp>
        <p:nvSpPr>
          <p:cNvPr id="21" name="OTLSHAPE_M_449f33e88f304f02a2085a6148dbd090_Date">
            <a:extLst>
              <a:ext uri="{FF2B5EF4-FFF2-40B4-BE49-F238E27FC236}">
                <a16:creationId xmlns:a16="http://schemas.microsoft.com/office/drawing/2014/main" id="{CFD14EB6-40E0-438C-BF39-ED9666A5E83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279068" y="468058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r 23</a:t>
            </a:r>
          </a:p>
        </p:txBody>
      </p:sp>
      <p:sp>
        <p:nvSpPr>
          <p:cNvPr id="23" name="OTLSHAPE_M_ef9e588c6acb4f16818c318d6aaf7bb0_Title">
            <a:extLst>
              <a:ext uri="{FF2B5EF4-FFF2-40B4-BE49-F238E27FC236}">
                <a16:creationId xmlns:a16="http://schemas.microsoft.com/office/drawing/2014/main" id="{B5101677-F229-41B2-B3AA-46B48C4C254C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5121153" y="4565650"/>
            <a:ext cx="12319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700" b="1" spc="-2">
                <a:solidFill>
                  <a:schemeClr val="dk1"/>
                </a:solidFill>
                <a:latin typeface="Arial" panose="020B0604020202020204" pitchFamily="34" charset="0"/>
              </a:rPr>
              <a:t>Functional Design Complete </a:t>
            </a:r>
          </a:p>
        </p:txBody>
      </p:sp>
      <p:sp>
        <p:nvSpPr>
          <p:cNvPr id="24" name="OTLSHAPE_M_ef9e588c6acb4f16818c318d6aaf7bb0_Date">
            <a:extLst>
              <a:ext uri="{FF2B5EF4-FFF2-40B4-BE49-F238E27FC236}">
                <a16:creationId xmlns:a16="http://schemas.microsoft.com/office/drawing/2014/main" id="{3B184C63-149D-4593-8449-AC3E9D46417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608684" y="4680585"/>
            <a:ext cx="254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10</a:t>
            </a:r>
          </a:p>
        </p:txBody>
      </p:sp>
      <p:sp>
        <p:nvSpPr>
          <p:cNvPr id="26" name="OTLSHAPE_M_259dfdb8f35f47949f05c33dc5e446fb_Title">
            <a:extLst>
              <a:ext uri="{FF2B5EF4-FFF2-40B4-BE49-F238E27FC236}">
                <a16:creationId xmlns:a16="http://schemas.microsoft.com/office/drawing/2014/main" id="{89D99B84-FA11-412B-9C54-8ABE036F899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6982486" y="4565650"/>
            <a:ext cx="914400" cy="10223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700" b="1" spc="-2">
                <a:solidFill>
                  <a:schemeClr val="dk1"/>
                </a:solidFill>
                <a:latin typeface="Arial" panose="020B0604020202020204" pitchFamily="34" charset="0"/>
              </a:rPr>
              <a:t>Project Status Report</a:t>
            </a:r>
          </a:p>
        </p:txBody>
      </p:sp>
      <p:sp>
        <p:nvSpPr>
          <p:cNvPr id="27" name="OTLSHAPE_M_259dfdb8f35f47949f05c33dc5e446fb_Date">
            <a:extLst>
              <a:ext uri="{FF2B5EF4-FFF2-40B4-BE49-F238E27FC236}">
                <a16:creationId xmlns:a16="http://schemas.microsoft.com/office/drawing/2014/main" id="{AC6C78CB-C6F4-49D0-8F28-5F397AA2B86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322550" y="468058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1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92740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xMCwiU2hhcGVTdHlsZSI6eyIkaWQiOiI1IiwiTWFyZ2luIjp7IiRpZCI6IjYiLCJUb3AiOjAsIkxlZnQiOjEyLCJSaWdodCI6MTIsIkJvdHRvbSI6MH0sIlBhZGRpbmciOnsiJGlkIjoiNyIsIlRvcCI6NSwiTGVmdCI6MCwiUmlnaHQiOjA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2LCJGb250TmFtZSI6IkFyaWFs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2LCJGb250TmFtZSI6IkFyaWFs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BcmlhbC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OCwiRm9udE5hbWUiOiJBcmlhbC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MsIkFic29sdXRlUG9zaXRpb24iOjM4Ny40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wLCJGb250TmFtZSI6IkFyaWFs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OSwiRm9udE5hbWUiOiJBcmlhbC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OSwiRm9udE5hbWUiOiJBcmlhbCIsIklzQm9sZCI6ZmFsc2UsIklzSXRhbGljIjpmYWxzZSwiSXNVbmRlcmxpbmVkIjpmYWxzZSwiUGFyZW50U3R5bGUiOm51bGx9LCJBdXRvU2l6ZSI6MCwiRm9yZWdyb3VuZCI6eyIkaWQiOiI5NCIsIkNvbG9yIjp7IiRpZCI6Ijk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M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I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XJpYWw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OSwiRm9udE5hbWUiOiJBcmlhbCIsIklzQm9sZCI6ZmFsc2UsIklzSXRhbGljIjpmYWxzZSwiSXNVbmRlcmxpbmVkIjpmYWxzZSwiUGFyZW50U3R5bGUiOm51bGx9LCJBdXRvU2l6ZSI6MCwiRm9yZWdyb3VuZCI6eyIkaWQiOiIxMjIiLCJDb2xvciI6eyIkaWQiOiIxMjM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YsIkZvbnROYW1lIjoiQXJpYWwiLCJJc0JvbGQiOmZhbHNlLCJJc0l0YWxpYyI6ZmFsc2UsIklzVW5kZXJsaW5lZCI6ZmFsc2UsIlBhcmVudFN0eWxlIjpudWxsfSwiQXV0b1NpemUiOjIsIkZvcmVncm91bmQiOnsiJGlkIjoiMjE4IiwiQ29sb3IiOnsiJHJlZiI6Ijc3In19LCJNYXhXaWR0aCI6MjEuNzUsIk1heEhlaWdodCI6IkluZmluaXR5IiwiU21hcnRGb3JlZ3JvdW5kSXNBY3RpdmUiOmZhbHNlLCJIb3Jpem9udGFsQWxpZ25tZW50Ijox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gwIn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I5MCIsIlRvcCI6MCwiTGVmdCI6MCwiUmlnaHQiOjAsIkJvdHRvbSI6MH0sIlBhZGRpbmciOnsiJGlkIjoiMjkxIiwiVG9wIjowLCJMZWZ0IjowLCJSaWdodCI6MCwiQm90dG9tIjowfSwiQmFja2dyb3VuZCI6eyIkcmVmIjoiOTEi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cmVmIjoiMTE5In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YsIkZvbnROYW1lIjoiQXJpYWwiLCJJc0JvbGQiOmZhbHNlLCJJc0l0YWxpYyI6ZmFsc2UsIklzVW5kZXJsaW5lZCI6ZmFsc2UsIlBhcmVudFN0eWxlIjpudWxsfSwiQXV0b1NpemUiOjIsIkZvcmVncm91bmQiOnsiJGlkIjoiMzU0IiwiQ29sb3IiOnsiJHJlZiI6IjEyMyJ9fSwiTWF4V2lkdGgiOjQ4Ljc1LCJNYXhIZWlnaHQiOiJJbmZpbml0eSIsIlNtYXJ0Rm9yZWdyb3VuZElzQWN0aXZlIjpmYWxzZSwiSG9yaXpvbnRhbEFsaWdubWVudCI6Mi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xMjYifSwiSXNWaXNpYmxlIjp0cnVlLCJXaWR0aCI6MC4wLCJIZWlnaHQiOjAuMCwiQm9yZGVyU3R5bGUiOnsiJGlkIjoiMzU3IiwiTGluZUNvbG9yIjpudWxsLCJMaW5lV2VpZ2h0IjowLjAsIkxpbmVUeXBlIjowLCJQYXJlbnRTdHlsZSI6bnVsbH0sIlBhcmVudFN0eWxlIjpudWxsfSwiRGF0ZUZvcm1hdCI6eyIkaWQiOiIzNT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xMTki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5OCJ9LCJJc1Zpc2libGUiOnRydWUsIldpZHRoIjowLjAsIkhlaWdodCI6MC4wLCJCb3JkZXJTdHlsZSI6eyIkaWQiOiI0OTMiLCJMaW5lQ29sb3IiOm51bGwsIkxpbmVXZWlnaHQiOjAuMCwiTGluZVR5cGUiOjAsIlBhcmVudFN0eWxlIjpudWxsfSwiUGFyZW50U3R5bGUiOm51bGx9LCJIb3Jpem9udGFsQ29ubmVjdG9yU3R5bGUiOnsiJGlkIjoiNDk0IiwiTGluZUNvbG9yIjp7IiRyZWYiOiIxMDAifSwiTGluZVdlaWdodCI6MS4wLCJMaW5lVHlwZSI6MCwiUGFyZW50U3R5bGUiOm51bGx9LCJWZXJ0aWNhbENvbm5lY3RvclN0eWxlIjp7IiRpZCI6IjQ5NS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U2MyIsIlRvcCI6MCwiTGVmdCI6MCwiUmlnaHQiOjAsIkJvdHRvbSI6MH0sIlBhZGRpbmciOnsiJGlkIjoiNTY0IiwiVG9wIjowLCJMZWZ0IjowLCJSaWdodCI6MCwiQm90dG9tIjowfSwiQmFja2dyb3VuZCI6eyIkcmVmIjoiOTE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MCJ9LCJMaW5lV2VpZ2h0IjoxLjAsIkxpbmVUeXBlIjowLCJQYXJlbnRTdHlsZSI6bnVsbH0sIlZlcnRpY2FsQ29ubmVjdG9yU3R5bGUiOnsiJGlkIjoiNTcz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xNyIsIlVzZVRpbWUiOmZhbHNlLCJXb3JrRGF5U3RhcnQiOiIwMDowMDowMCIsIldvcmtEYXlFbmQiOiIyMzo1OTowMCJ9LCJMYXN0VXNlZFRlbXBsYXRlSWQiOiJlMjlkMDgzZC02M2NlLTQ4MmItOTUzNS03MDgwNjdjMWI2MDg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ponsor"/>
  <p:tag name="OTLDATE" val="2021-02-15T23:59:00.0000000"/>
  <p:tag name="OTLPOSITIONONTASK" val="None"/>
  <p:tag name="OTLRELATEDTASKID" val="00000000-0000-0000-0000-00000000000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nalysis Complete "/>
  <p:tag name="OTLDATE" val="2021-03-23T23:59:00.0000000"/>
  <p:tag name="OTLPOSITIONONTASK" val="None"/>
  <p:tag name="OTLRELATEDTASKID" val="00000000-0000-0000-0000-00000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unctional Design Complete "/>
  <p:tag name="OTLDATE" val="2021-05-10T23:59:00.0000000"/>
  <p:tag name="OTLPOSITIONONTASK" val="Non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Status Report"/>
  <p:tag name="OTLDATE" val="2021-06-14T23:59:00.0000000"/>
  <p:tag name="OTLPOSITIONONTASK" val="None"/>
  <p:tag name="OTLRELATEDTASKID" val="00000000-0000-0000-0000-00000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2T00:00:00.0000000Z"/>
  <p:tag name="OTLENDDATE" val="2021-03-10T23:59:00.0000000Z"/>
  <p:tag name="OTLPERCENTAGE" val="100"/>
  <p:tag name="OTLDURATIONFORMAT" val="day"/>
  <p:tag name="OTLSPACING" val="5"/>
  <p:tag name="OTLSHAPETHICKNESSTYPE" val="Custom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15T00:00:00.0000000Z"/>
  <p:tag name="OTLENDDATE" val="2021-03-23T23:59:00.0000000Z"/>
  <p:tag name="OTLPERCENTAGE" val="76"/>
  <p:tag name="OTLDURATIONFORMAT" val="day"/>
  <p:tag name="OTLSPACING" val="5"/>
  <p:tag name="OTLSHAPETHICKNESSTYPE" val="Custom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Z"/>
  <p:tag name="OTLENDDATE" val="2021-03-23T23:59:00.0000000Z"/>
  <p:tag name="OTLPERCENTAGE" val="100"/>
  <p:tag name="OTLDURATIONFORMAT" val="day"/>
  <p:tag name="OTLSPACING" val="5"/>
  <p:tag name="OTLSHAPETHICKNESSTYPE" val="Custom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23T00:00:00.0000000Z"/>
  <p:tag name="OTLENDDATE" val="2021-05-10T23:59:00.0000000Z"/>
  <p:tag name="OTLPERCENTAGE" val="70"/>
  <p:tag name="OTLDURATIONFORMAT" val="day"/>
  <p:tag name="OTLSPACING" val="5"/>
  <p:tag name="OTLSHAPETHICKNESSTYPE" val="Custom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0T00:00:00.0000000Z"/>
  <p:tag name="OTLENDDATE" val="2021-05-16T23:59:00.0000000Z"/>
  <p:tag name="OTLPERCENTAGE" val="37"/>
  <p:tag name="OTLDURATIONFORMAT" val="day"/>
  <p:tag name="OTLSPACING" val="5"/>
  <p:tag name="OTLSHAPETHICKNESSTYPE" val="Custom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4-27T00:00:00.0000000Z"/>
  <p:tag name="OTLENDDATE" val="2021-05-20T23:59:00.0000000Z"/>
  <p:tag name="OTLPERCENTAGE" val="40"/>
  <p:tag name="OTLDURATIONFORMAT" val="day"/>
  <p:tag name="OTLSPACING" val="5"/>
  <p:tag name="OTLSHAPETHICKNESSTYPE" val="Custom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9T00:00:00.0000000Z"/>
  <p:tag name="OTLENDDATE" val="2021-06-10T23:59:00.0000000Z"/>
  <p:tag name="OTLPERCENTAGE" val="20"/>
  <p:tag name="OTLDURATIONFORMAT" val="day"/>
  <p:tag name="OTLSPACING" val="5"/>
  <p:tag name="OTLSHAPETHICKNESSTYPE" val="Custom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17T00:00:00.0000000Z"/>
  <p:tag name="OTLENDDATE" val="2021-06-10T23:59:00.0000000Z"/>
  <p:tag name="OTLPERCENTAGE" val="75"/>
  <p:tag name="OTLDURATIONFORMAT" val="day"/>
  <p:tag name="OTLSPACING" val="5"/>
  <p:tag name="OTLSHAPETHICKNESSTYPE" val="Custom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4T00:00:00.0000000Z"/>
  <p:tag name="OTLENDDATE" val="2021-06-22T23:59:00.0000000Z"/>
  <p:tag name="OTLPERCENTAGE" val="15"/>
  <p:tag name="OTLDURATIONFORMAT" val="day"/>
  <p:tag name="OTLSPACING" val="5"/>
  <p:tag name="OTLSHAPETHICKNESSTYPE" val="Custom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7T23:59:00.0000000Z"/>
  <p:tag name="OTLPERCENTAGE" val="0"/>
  <p:tag name="OTLDURATIONFORMAT" val="day"/>
  <p:tag name="OTLSPACING" val="5"/>
  <p:tag name="OTLSHAPETHICKNESSTYPE" val="Custom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29T00:00:00.0000000Z"/>
  <p:tag name="OTLENDDATE" val="2021-06-14T23:59:00.0000000Z"/>
  <p:tag name="OTLPERCENTAGE" val="10"/>
  <p:tag name="OTLDURATIONFORMAT" val="day"/>
  <p:tag name="OTLSPACING" val="5"/>
  <p:tag name="OTLSHAPETHICKNESSTYPE" val="Custom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SCALETYPE" val="Months"/>
  <p:tag name="OTLTIMEBANDSCALEFORMAT" val="MMM"/>
  <p:tag name="OTLTIMEBANDQUICKPOSITION" val="Custom"/>
  <p:tag name="OTLTIMEBANDSHAPETYPE" val="RoundedCornerRectangleTimeband"/>
  <p:tag name="OTLTIMEBANDTHREEDEFFECTS" val="None"/>
  <p:tag name="OTLTIMEBANDAUTODATERANGE" val="True"/>
  <p:tag name="OTLTIMEBANDSTARTDATE" val="0001-01-01T00:00:00.0000000"/>
  <p:tag name="OTLTIMEBANDENDDATE" val="2021-06-2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</TotalTime>
  <Words>147</Words>
  <Application>Microsoft Office PowerPoint</Application>
  <PresentationFormat>On-screen Show (4:3)</PresentationFormat>
  <Paragraphs>6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 Alexandrov</dc:creator>
  <cp:lastModifiedBy>Andreea Alexandrov</cp:lastModifiedBy>
  <cp:revision>3</cp:revision>
  <dcterms:created xsi:type="dcterms:W3CDTF">2020-12-03T15:30:16Z</dcterms:created>
  <dcterms:modified xsi:type="dcterms:W3CDTF">2021-06-25T12:54:33Z</dcterms:modified>
</cp:coreProperties>
</file>